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8"/>
  </p:sldMasterIdLst>
  <p:notesMasterIdLst>
    <p:notesMasterId r:id="rId10"/>
  </p:notesMasterIdLst>
  <p:handoutMasterIdLst>
    <p:handoutMasterId r:id="rId11"/>
  </p:handoutMasterIdLst>
  <p:sldIdLst>
    <p:sldId id="439" r:id="rId9"/>
  </p:sldIdLst>
  <p:sldSz cx="12190413" cy="6858000"/>
  <p:notesSz cx="6797675" cy="9926638"/>
  <p:custDataLst>
    <p:tags r:id="rId1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81C5CDFA-4CE8-4216-3B3A-6F2320073C3A}" name="Kathrine G. Starris" initials="KS" userId="S::kastar@dtu.dk::301fe793-9a21-40e8-bbae-0daf65620a6d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BC0000"/>
    <a:srgbClr val="FEC8AE"/>
    <a:srgbClr val="4D0000"/>
    <a:srgbClr val="FFE3D5"/>
    <a:srgbClr val="FF9393"/>
    <a:srgbClr val="C80000"/>
    <a:srgbClr val="9E0000"/>
    <a:srgbClr val="FC7634"/>
    <a:srgbClr val="EB8989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67" d="100"/>
          <a:sy n="67" d="100"/>
        </p:scale>
        <p:origin x="548" y="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presProps" Target="presProps.xml"/><Relationship Id="rId18" Type="http://schemas.microsoft.com/office/2018/10/relationships/authors" Target="author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tags" Target="tags/tag1.xml"/><Relationship Id="rId17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athrine G. Starris" userId="301fe793-9a21-40e8-bbae-0daf65620a6d" providerId="ADAL" clId="{6A19A923-A6BB-4709-9E69-D13E06155A18}"/>
    <pc:docChg chg="undo custSel delSld modSld">
      <pc:chgData name="Kathrine G. Starris" userId="301fe793-9a21-40e8-bbae-0daf65620a6d" providerId="ADAL" clId="{6A19A923-A6BB-4709-9E69-D13E06155A18}" dt="2026-01-27T08:05:42.266" v="38" actId="47"/>
      <pc:docMkLst>
        <pc:docMk/>
      </pc:docMkLst>
      <pc:sldChg chg="del">
        <pc:chgData name="Kathrine G. Starris" userId="301fe793-9a21-40e8-bbae-0daf65620a6d" providerId="ADAL" clId="{6A19A923-A6BB-4709-9E69-D13E06155A18}" dt="2026-01-27T08:05:40.362" v="31" actId="47"/>
        <pc:sldMkLst>
          <pc:docMk/>
          <pc:sldMk cId="4072703801" sldId="415"/>
        </pc:sldMkLst>
      </pc:sldChg>
      <pc:sldChg chg="del">
        <pc:chgData name="Kathrine G. Starris" userId="301fe793-9a21-40e8-bbae-0daf65620a6d" providerId="ADAL" clId="{6A19A923-A6BB-4709-9E69-D13E06155A18}" dt="2026-01-27T08:05:40.668" v="32" actId="47"/>
        <pc:sldMkLst>
          <pc:docMk/>
          <pc:sldMk cId="1784845587" sldId="418"/>
        </pc:sldMkLst>
      </pc:sldChg>
      <pc:sldChg chg="delSp del mod">
        <pc:chgData name="Kathrine G. Starris" userId="301fe793-9a21-40e8-bbae-0daf65620a6d" providerId="ADAL" clId="{6A19A923-A6BB-4709-9E69-D13E06155A18}" dt="2026-01-27T08:05:39.683" v="29" actId="47"/>
        <pc:sldMkLst>
          <pc:docMk/>
          <pc:sldMk cId="3308861961" sldId="421"/>
        </pc:sldMkLst>
        <pc:grpChg chg="del">
          <ac:chgData name="Kathrine G. Starris" userId="301fe793-9a21-40e8-bbae-0daf65620a6d" providerId="ADAL" clId="{6A19A923-A6BB-4709-9E69-D13E06155A18}" dt="2026-01-27T08:04:25.936" v="7" actId="478"/>
          <ac:grpSpMkLst>
            <pc:docMk/>
            <pc:sldMk cId="3308861961" sldId="421"/>
            <ac:grpSpMk id="31" creationId="{B37810EE-5B08-FBDF-4FB9-78276F2862E6}"/>
          </ac:grpSpMkLst>
        </pc:grpChg>
      </pc:sldChg>
      <pc:sldChg chg="del">
        <pc:chgData name="Kathrine G. Starris" userId="301fe793-9a21-40e8-bbae-0daf65620a6d" providerId="ADAL" clId="{6A19A923-A6BB-4709-9E69-D13E06155A18}" dt="2026-01-27T08:05:40.968" v="33" actId="47"/>
        <pc:sldMkLst>
          <pc:docMk/>
          <pc:sldMk cId="3775071872" sldId="426"/>
        </pc:sldMkLst>
      </pc:sldChg>
      <pc:sldChg chg="del">
        <pc:chgData name="Kathrine G. Starris" userId="301fe793-9a21-40e8-bbae-0daf65620a6d" providerId="ADAL" clId="{6A19A923-A6BB-4709-9E69-D13E06155A18}" dt="2026-01-27T08:05:42" v="36" actId="47"/>
        <pc:sldMkLst>
          <pc:docMk/>
          <pc:sldMk cId="2998386773" sldId="428"/>
        </pc:sldMkLst>
      </pc:sldChg>
      <pc:sldChg chg="del">
        <pc:chgData name="Kathrine G. Starris" userId="301fe793-9a21-40e8-bbae-0daf65620a6d" providerId="ADAL" clId="{6A19A923-A6BB-4709-9E69-D13E06155A18}" dt="2026-01-27T08:05:41.691" v="35" actId="47"/>
        <pc:sldMkLst>
          <pc:docMk/>
          <pc:sldMk cId="1110280696" sldId="429"/>
        </pc:sldMkLst>
      </pc:sldChg>
      <pc:sldChg chg="del">
        <pc:chgData name="Kathrine G. Starris" userId="301fe793-9a21-40e8-bbae-0daf65620a6d" providerId="ADAL" clId="{6A19A923-A6BB-4709-9E69-D13E06155A18}" dt="2026-01-27T08:05:41.406" v="34" actId="47"/>
        <pc:sldMkLst>
          <pc:docMk/>
          <pc:sldMk cId="3768911963" sldId="432"/>
        </pc:sldMkLst>
      </pc:sldChg>
      <pc:sldChg chg="del">
        <pc:chgData name="Kathrine G. Starris" userId="301fe793-9a21-40e8-bbae-0daf65620a6d" providerId="ADAL" clId="{6A19A923-A6BB-4709-9E69-D13E06155A18}" dt="2026-01-27T08:05:42.225" v="37" actId="47"/>
        <pc:sldMkLst>
          <pc:docMk/>
          <pc:sldMk cId="2654689557" sldId="435"/>
        </pc:sldMkLst>
      </pc:sldChg>
      <pc:sldChg chg="del">
        <pc:chgData name="Kathrine G. Starris" userId="301fe793-9a21-40e8-bbae-0daf65620a6d" providerId="ADAL" clId="{6A19A923-A6BB-4709-9E69-D13E06155A18}" dt="2026-01-27T08:05:42.266" v="38" actId="47"/>
        <pc:sldMkLst>
          <pc:docMk/>
          <pc:sldMk cId="882767191" sldId="436"/>
        </pc:sldMkLst>
      </pc:sldChg>
      <pc:sldChg chg="delSp del mod">
        <pc:chgData name="Kathrine G. Starris" userId="301fe793-9a21-40e8-bbae-0daf65620a6d" providerId="ADAL" clId="{6A19A923-A6BB-4709-9E69-D13E06155A18}" dt="2026-01-27T08:05:40.076" v="30" actId="47"/>
        <pc:sldMkLst>
          <pc:docMk/>
          <pc:sldMk cId="2846625095" sldId="438"/>
        </pc:sldMkLst>
        <pc:spChg chg="del">
          <ac:chgData name="Kathrine G. Starris" userId="301fe793-9a21-40e8-bbae-0daf65620a6d" providerId="ADAL" clId="{6A19A923-A6BB-4709-9E69-D13E06155A18}" dt="2026-01-27T08:04:38.346" v="8" actId="478"/>
          <ac:spMkLst>
            <pc:docMk/>
            <pc:sldMk cId="2846625095" sldId="438"/>
            <ac:spMk id="18" creationId="{B980A1F2-13F9-C41B-3192-82988A077B91}"/>
          </ac:spMkLst>
        </pc:spChg>
        <pc:grpChg chg="del">
          <ac:chgData name="Kathrine G. Starris" userId="301fe793-9a21-40e8-bbae-0daf65620a6d" providerId="ADAL" clId="{6A19A923-A6BB-4709-9E69-D13E06155A18}" dt="2026-01-27T08:04:40.836" v="9" actId="478"/>
          <ac:grpSpMkLst>
            <pc:docMk/>
            <pc:sldMk cId="2846625095" sldId="438"/>
            <ac:grpSpMk id="33" creationId="{0F693BCA-D664-B811-DD23-9274B06C69DD}"/>
          </ac:grpSpMkLst>
        </pc:grpChg>
      </pc:sldChg>
      <pc:sldChg chg="delSp modSp mod">
        <pc:chgData name="Kathrine G. Starris" userId="301fe793-9a21-40e8-bbae-0daf65620a6d" providerId="ADAL" clId="{6A19A923-A6BB-4709-9E69-D13E06155A18}" dt="2026-01-27T08:05:28.663" v="27" actId="20577"/>
        <pc:sldMkLst>
          <pc:docMk/>
          <pc:sldMk cId="628206863" sldId="439"/>
        </pc:sldMkLst>
        <pc:spChg chg="del">
          <ac:chgData name="Kathrine G. Starris" userId="301fe793-9a21-40e8-bbae-0daf65620a6d" providerId="ADAL" clId="{6A19A923-A6BB-4709-9E69-D13E06155A18}" dt="2026-01-27T08:04:56.670" v="11" actId="478"/>
          <ac:spMkLst>
            <pc:docMk/>
            <pc:sldMk cId="628206863" sldId="439"/>
            <ac:spMk id="5" creationId="{830DAE85-A1F7-326C-A94E-AF9B31C6EEEA}"/>
          </ac:spMkLst>
        </pc:spChg>
        <pc:spChg chg="mod">
          <ac:chgData name="Kathrine G. Starris" userId="301fe793-9a21-40e8-bbae-0daf65620a6d" providerId="ADAL" clId="{6A19A923-A6BB-4709-9E69-D13E06155A18}" dt="2026-01-27T08:05:28.663" v="27" actId="20577"/>
          <ac:spMkLst>
            <pc:docMk/>
            <pc:sldMk cId="628206863" sldId="439"/>
            <ac:spMk id="31" creationId="{B7477857-BE8A-D7D8-ABDA-84994EF2E246}"/>
          </ac:spMkLst>
        </pc:spChg>
        <pc:spChg chg="del">
          <ac:chgData name="Kathrine G. Starris" userId="301fe793-9a21-40e8-bbae-0daf65620a6d" providerId="ADAL" clId="{6A19A923-A6BB-4709-9E69-D13E06155A18}" dt="2026-01-27T08:04:47.354" v="10" actId="478"/>
          <ac:spMkLst>
            <pc:docMk/>
            <pc:sldMk cId="628206863" sldId="439"/>
            <ac:spMk id="38" creationId="{637AB8DD-D064-CB3D-42BD-D27BF8D5D086}"/>
          </ac:spMkLst>
        </pc:spChg>
        <pc:cxnChg chg="del mod">
          <ac:chgData name="Kathrine G. Starris" userId="301fe793-9a21-40e8-bbae-0daf65620a6d" providerId="ADAL" clId="{6A19A923-A6BB-4709-9E69-D13E06155A18}" dt="2026-01-27T08:04:58.863" v="12" actId="478"/>
          <ac:cxnSpMkLst>
            <pc:docMk/>
            <pc:sldMk cId="628206863" sldId="439"/>
            <ac:cxnSpMk id="34" creationId="{F6C48FAE-4858-4473-091D-7FA3FEC0CCE9}"/>
          </ac:cxnSpMkLst>
        </pc:cxnChg>
      </pc:sldChg>
      <pc:sldChg chg="delSp del mod">
        <pc:chgData name="Kathrine G. Starris" userId="301fe793-9a21-40e8-bbae-0daf65620a6d" providerId="ADAL" clId="{6A19A923-A6BB-4709-9E69-D13E06155A18}" dt="2026-01-27T08:05:39.174" v="28" actId="47"/>
        <pc:sldMkLst>
          <pc:docMk/>
          <pc:sldMk cId="724470228" sldId="440"/>
        </pc:sldMkLst>
        <pc:spChg chg="del">
          <ac:chgData name="Kathrine G. Starris" userId="301fe793-9a21-40e8-bbae-0daf65620a6d" providerId="ADAL" clId="{6A19A923-A6BB-4709-9E69-D13E06155A18}" dt="2026-01-27T08:04:12.391" v="3" actId="478"/>
          <ac:spMkLst>
            <pc:docMk/>
            <pc:sldMk cId="724470228" sldId="440"/>
            <ac:spMk id="6" creationId="{EB8264C2-0593-E891-682C-340C28868C76}"/>
          </ac:spMkLst>
        </pc:spChg>
        <pc:spChg chg="del">
          <ac:chgData name="Kathrine G. Starris" userId="301fe793-9a21-40e8-bbae-0daf65620a6d" providerId="ADAL" clId="{6A19A923-A6BB-4709-9E69-D13E06155A18}" dt="2026-01-27T08:04:08.086" v="1" actId="478"/>
          <ac:spMkLst>
            <pc:docMk/>
            <pc:sldMk cId="724470228" sldId="440"/>
            <ac:spMk id="7" creationId="{8095F2AF-3808-CB17-14D2-428AF2A1789B}"/>
          </ac:spMkLst>
        </pc:spChg>
        <pc:spChg chg="del">
          <ac:chgData name="Kathrine G. Starris" userId="301fe793-9a21-40e8-bbae-0daf65620a6d" providerId="ADAL" clId="{6A19A923-A6BB-4709-9E69-D13E06155A18}" dt="2026-01-27T08:04:18.490" v="6" actId="478"/>
          <ac:spMkLst>
            <pc:docMk/>
            <pc:sldMk cId="724470228" sldId="440"/>
            <ac:spMk id="16" creationId="{32257E3B-F5CC-47D5-E5A6-97501D8D5DE8}"/>
          </ac:spMkLst>
        </pc:spChg>
        <pc:spChg chg="del">
          <ac:chgData name="Kathrine G. Starris" userId="301fe793-9a21-40e8-bbae-0daf65620a6d" providerId="ADAL" clId="{6A19A923-A6BB-4709-9E69-D13E06155A18}" dt="2026-01-27T08:04:16.820" v="5" actId="478"/>
          <ac:spMkLst>
            <pc:docMk/>
            <pc:sldMk cId="724470228" sldId="440"/>
            <ac:spMk id="17" creationId="{C7D894C6-A993-FBBB-B52C-75E15BD44799}"/>
          </ac:spMkLst>
        </pc:spChg>
        <pc:spChg chg="del">
          <ac:chgData name="Kathrine G. Starris" userId="301fe793-9a21-40e8-bbae-0daf65620a6d" providerId="ADAL" clId="{6A19A923-A6BB-4709-9E69-D13E06155A18}" dt="2026-01-27T08:04:10.641" v="2" actId="478"/>
          <ac:spMkLst>
            <pc:docMk/>
            <pc:sldMk cId="724470228" sldId="440"/>
            <ac:spMk id="19" creationId="{193F8991-3ECF-071F-A92E-BF9D3A824D0B}"/>
          </ac:spMkLst>
        </pc:spChg>
        <pc:spChg chg="del">
          <ac:chgData name="Kathrine G. Starris" userId="301fe793-9a21-40e8-bbae-0daf65620a6d" providerId="ADAL" clId="{6A19A923-A6BB-4709-9E69-D13E06155A18}" dt="2026-01-27T08:04:14.684" v="4" actId="478"/>
          <ac:spMkLst>
            <pc:docMk/>
            <pc:sldMk cId="724470228" sldId="440"/>
            <ac:spMk id="21" creationId="{45C33A3D-E565-3968-850D-578741E1D686}"/>
          </ac:spMkLst>
        </pc:spChg>
        <pc:grpChg chg="del">
          <ac:chgData name="Kathrine G. Starris" userId="301fe793-9a21-40e8-bbae-0daf65620a6d" providerId="ADAL" clId="{6A19A923-A6BB-4709-9E69-D13E06155A18}" dt="2026-01-27T08:04:02.818" v="0" actId="478"/>
          <ac:grpSpMkLst>
            <pc:docMk/>
            <pc:sldMk cId="724470228" sldId="440"/>
            <ac:grpSpMk id="14" creationId="{62F7D31D-62A5-5E7D-7CBB-21596B1A87D8}"/>
          </ac:grpSpMkLst>
        </pc:gr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6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0488" y="744538"/>
            <a:ext cx="6616700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7" y="4715153"/>
            <a:ext cx="4984962" cy="44669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6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325AE82-60CC-F9FF-95D0-52DC197EAA7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64655773-7CB9-503B-2183-C7EEB0E83BA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42EB1A6A-C9CD-ECAF-BB29-4EE5F345A64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7C6F91E-A5B7-0382-A363-2208550D45B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68719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latin typeface="Arial" panose="020B0604020202020204" pitchFamily="34" charset="0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latin typeface="Arial" panose="020B0604020202020204" pitchFamily="34" charset="0"/>
            </a:endParaRPr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latin typeface="Arial" panose="020B0604020202020204" pitchFamily="34" charset="0"/>
            </a:endParaRPr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iteltypografien i masteren</a:t>
            </a:r>
            <a:endParaRPr lang="en-GB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2188328-6CA4-3406-9C1D-2E1FB53CDA8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D8845-81F0-5C4E-E53C-705DEF09F1C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BD6AB89-FAA2-4325-9609-F25838309C03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3" name="Rektangel 2">
            <a:extLst>
              <a:ext uri="{FF2B5EF4-FFF2-40B4-BE49-F238E27FC236}">
                <a16:creationId xmlns:a16="http://schemas.microsoft.com/office/drawing/2014/main" id="{E0C013E7-99A7-D7E6-AC00-14BE81DCF0A6}"/>
              </a:ext>
            </a:extLst>
          </p:cNvPr>
          <p:cNvSpPr/>
          <p:nvPr/>
        </p:nvSpPr>
        <p:spPr bwMode="auto">
          <a:xfrm>
            <a:off x="5935335" y="1855876"/>
            <a:ext cx="3097213" cy="936625"/>
          </a:xfrm>
          <a:prstGeom prst="rect">
            <a:avLst/>
          </a:prstGeom>
          <a:solidFill>
            <a:schemeClr val="accent1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IT-direktør</a:t>
            </a: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Mads Henrik Bang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12851078-C0B7-5B71-A4DD-E7B5AFE85F1C}"/>
              </a:ext>
            </a:extLst>
          </p:cNvPr>
          <p:cNvSpPr/>
          <p:nvPr/>
        </p:nvSpPr>
        <p:spPr bwMode="auto">
          <a:xfrm>
            <a:off x="3621197" y="5309963"/>
            <a:ext cx="2232025" cy="935037"/>
          </a:xfrm>
          <a:prstGeom prst="rect">
            <a:avLst/>
          </a:prstGeom>
          <a:solidFill>
            <a:srgbClr val="BC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dirty="0">
                <a:solidFill>
                  <a:srgbClr val="FFFFFF"/>
                </a:solidFill>
                <a:latin typeface="Arial"/>
                <a:ea typeface="ＭＳ Ｐゴシック"/>
              </a:rPr>
              <a:t>IT- Forretningsløsninger</a:t>
            </a: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400" dirty="0">
                <a:solidFill>
                  <a:srgbClr val="FFFFFF"/>
                </a:solidFill>
                <a:latin typeface="Arial"/>
              </a:rPr>
              <a:t>C</a:t>
            </a:r>
            <a:r>
              <a:rPr kumimoji="0" lang="da-DK" sz="14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arsten</a:t>
            </a: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Vejleaa</a:t>
            </a:r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AD2F26D5-30B0-46B1-EED2-D6903EE907F7}"/>
              </a:ext>
            </a:extLst>
          </p:cNvPr>
          <p:cNvSpPr/>
          <p:nvPr/>
        </p:nvSpPr>
        <p:spPr bwMode="auto">
          <a:xfrm>
            <a:off x="6367928" y="5309963"/>
            <a:ext cx="2232025" cy="935037"/>
          </a:xfrm>
          <a:prstGeom prst="rect">
            <a:avLst/>
          </a:prstGeom>
          <a:solidFill>
            <a:srgbClr val="BC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/>
                <a:cs typeface="+mn-cs"/>
              </a:rPr>
              <a:t>IT-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/>
                <a:cs typeface="+mn-cs"/>
              </a:rPr>
              <a:t>Infrastrukturservice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990000">
                  <a:lumMod val="40000"/>
                  <a:lumOff val="60000"/>
                </a:srgbClr>
              </a:solidFill>
              <a:effectLst/>
              <a:uLnTx/>
              <a:uFillTx/>
              <a:latin typeface="Arial"/>
              <a:ea typeface="ＭＳ Ｐゴシック"/>
              <a:cs typeface="+mn-cs"/>
            </a:endParaRPr>
          </a:p>
          <a:p>
            <a:pPr algn="ctr">
              <a:spcBef>
                <a:spcPts val="600"/>
              </a:spcBef>
              <a:defRPr/>
            </a:pP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/>
                <a:cs typeface="+mn-cs"/>
              </a:rPr>
              <a:t>Huss</a:t>
            </a:r>
            <a:r>
              <a:rPr lang="da-DK" sz="1400" dirty="0" err="1">
                <a:solidFill>
                  <a:srgbClr val="FFFFFF"/>
                </a:solidFill>
                <a:latin typeface="Arial"/>
                <a:ea typeface="ＭＳ Ｐゴシック"/>
              </a:rPr>
              <a:t>ein</a:t>
            </a:r>
            <a:r>
              <a:rPr lang="da-DK" sz="1400">
                <a:solidFill>
                  <a:srgbClr val="FFFFFF"/>
                </a:solidFill>
                <a:latin typeface="Arial"/>
                <a:ea typeface="ＭＳ Ｐゴシック"/>
              </a:rPr>
              <a:t> Isak</a:t>
            </a:r>
            <a:endParaRPr lang="da-DK" sz="1400" dirty="0">
              <a:solidFill>
                <a:srgbClr val="FFFFFF"/>
              </a:solidFill>
              <a:latin typeface="Arial"/>
              <a:cs typeface="Arial"/>
            </a:endParaRPr>
          </a:p>
        </p:txBody>
      </p:sp>
      <p:sp>
        <p:nvSpPr>
          <p:cNvPr id="10" name="Rektangel 9">
            <a:extLst>
              <a:ext uri="{FF2B5EF4-FFF2-40B4-BE49-F238E27FC236}">
                <a16:creationId xmlns:a16="http://schemas.microsoft.com/office/drawing/2014/main" id="{263C3589-F4A6-AF2E-B64B-6F799E6E7738}"/>
              </a:ext>
            </a:extLst>
          </p:cNvPr>
          <p:cNvSpPr/>
          <p:nvPr/>
        </p:nvSpPr>
        <p:spPr bwMode="auto">
          <a:xfrm>
            <a:off x="9114659" y="5309963"/>
            <a:ext cx="2232025" cy="935037"/>
          </a:xfrm>
          <a:prstGeom prst="rect">
            <a:avLst/>
          </a:prstGeom>
          <a:solidFill>
            <a:srgbClr val="BC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Cybe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- og Informationssikkerhed</a:t>
            </a: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Arial"/>
              </a:rPr>
              <a:t>Anders Fosgerau</a:t>
            </a:r>
            <a:endParaRPr kumimoji="0" lang="da-DK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cxnSp>
        <p:nvCxnSpPr>
          <p:cNvPr id="11" name="Forbindelse: vinklet 10">
            <a:extLst>
              <a:ext uri="{FF2B5EF4-FFF2-40B4-BE49-F238E27FC236}">
                <a16:creationId xmlns:a16="http://schemas.microsoft.com/office/drawing/2014/main" id="{C98886CF-8090-5B32-0081-8EEA224496B4}"/>
              </a:ext>
            </a:extLst>
          </p:cNvPr>
          <p:cNvCxnSpPr>
            <a:cxnSpLocks/>
            <a:stCxn id="3" idx="2"/>
            <a:endCxn id="7" idx="0"/>
          </p:cNvCxnSpPr>
          <p:nvPr/>
        </p:nvCxnSpPr>
        <p:spPr bwMode="auto">
          <a:xfrm rot="5400000">
            <a:off x="4851845" y="2677866"/>
            <a:ext cx="2517462" cy="2746732"/>
          </a:xfrm>
          <a:prstGeom prst="bentConnector3">
            <a:avLst>
              <a:gd name="adj1" fmla="val 74344"/>
            </a:avLst>
          </a:prstGeom>
          <a:solidFill>
            <a:schemeClr val="accent1"/>
          </a:solidFill>
          <a:ln w="2857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sp>
        <p:nvSpPr>
          <p:cNvPr id="15" name="Rektangel 14">
            <a:extLst>
              <a:ext uri="{FF2B5EF4-FFF2-40B4-BE49-F238E27FC236}">
                <a16:creationId xmlns:a16="http://schemas.microsoft.com/office/drawing/2014/main" id="{2FFF0C3C-E94F-BB3A-09FE-DFE9C4809305}"/>
              </a:ext>
            </a:extLst>
          </p:cNvPr>
          <p:cNvSpPr/>
          <p:nvPr/>
        </p:nvSpPr>
        <p:spPr bwMode="auto">
          <a:xfrm>
            <a:off x="8754735" y="3229426"/>
            <a:ext cx="2232025" cy="936625"/>
          </a:xfrm>
          <a:prstGeom prst="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b for CIO</a:t>
            </a: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Rikke Simonsen</a:t>
            </a:r>
          </a:p>
        </p:txBody>
      </p:sp>
      <p:sp>
        <p:nvSpPr>
          <p:cNvPr id="16" name="Rektangel 15">
            <a:extLst>
              <a:ext uri="{FF2B5EF4-FFF2-40B4-BE49-F238E27FC236}">
                <a16:creationId xmlns:a16="http://schemas.microsoft.com/office/drawing/2014/main" id="{8D32170E-1E80-5F46-918D-299159A32E11}"/>
              </a:ext>
            </a:extLst>
          </p:cNvPr>
          <p:cNvSpPr/>
          <p:nvPr/>
        </p:nvSpPr>
        <p:spPr bwMode="auto">
          <a:xfrm>
            <a:off x="3955723" y="3241763"/>
            <a:ext cx="2232025" cy="936625"/>
          </a:xfrm>
          <a:prstGeom prst="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IT</a:t>
            </a:r>
            <a:r>
              <a:rPr lang="da-DK" dirty="0">
                <a:solidFill>
                  <a:srgbClr val="FFFFFF"/>
                </a:solidFill>
                <a:latin typeface="Arial"/>
              </a:rPr>
              <a:t>-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Innovation</a:t>
            </a: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Johnny Carlsson</a:t>
            </a:r>
          </a:p>
        </p:txBody>
      </p:sp>
      <p:cxnSp>
        <p:nvCxnSpPr>
          <p:cNvPr id="17" name="Lige forbindelse 16">
            <a:extLst>
              <a:ext uri="{FF2B5EF4-FFF2-40B4-BE49-F238E27FC236}">
                <a16:creationId xmlns:a16="http://schemas.microsoft.com/office/drawing/2014/main" id="{910B1B85-EEE0-1F02-B424-C517212676AD}"/>
              </a:ext>
            </a:extLst>
          </p:cNvPr>
          <p:cNvCxnSpPr>
            <a:cxnSpLocks/>
            <a:stCxn id="16" idx="3"/>
            <a:endCxn id="15" idx="1"/>
          </p:cNvCxnSpPr>
          <p:nvPr/>
        </p:nvCxnSpPr>
        <p:spPr bwMode="auto">
          <a:xfrm flipV="1">
            <a:off x="6187748" y="3697739"/>
            <a:ext cx="2566987" cy="12337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sp>
        <p:nvSpPr>
          <p:cNvPr id="18" name="Rektangel 17">
            <a:extLst>
              <a:ext uri="{FF2B5EF4-FFF2-40B4-BE49-F238E27FC236}">
                <a16:creationId xmlns:a16="http://schemas.microsoft.com/office/drawing/2014/main" id="{85CA88DF-0734-E560-94B7-85F550068DC6}"/>
              </a:ext>
            </a:extLst>
          </p:cNvPr>
          <p:cNvSpPr/>
          <p:nvPr/>
        </p:nvSpPr>
        <p:spPr bwMode="auto">
          <a:xfrm>
            <a:off x="279053" y="1100300"/>
            <a:ext cx="2053246" cy="541754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Forskningsnettet</a:t>
            </a: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Martin Bech</a:t>
            </a:r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49515D14-2AB6-A39B-A732-1F1D32FF5306}"/>
              </a:ext>
            </a:extLst>
          </p:cNvPr>
          <p:cNvSpPr/>
          <p:nvPr/>
        </p:nvSpPr>
        <p:spPr bwMode="auto">
          <a:xfrm>
            <a:off x="279053" y="1819698"/>
            <a:ext cx="2053246" cy="54284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Computerome</a:t>
            </a:r>
            <a:endParaRPr kumimoji="0" lang="da-DK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Peter Løngreen</a:t>
            </a:r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9EE49EF6-CD47-6B42-C4C2-CA87D7FD82E7}"/>
              </a:ext>
            </a:extLst>
          </p:cNvPr>
          <p:cNvSpPr/>
          <p:nvPr/>
        </p:nvSpPr>
        <p:spPr bwMode="auto">
          <a:xfrm>
            <a:off x="279676" y="2540184"/>
            <a:ext cx="2052000" cy="54284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Nyt SIS</a:t>
            </a:r>
            <a:r>
              <a:rPr kumimoji="0" lang="da-GL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da-DK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Fællesprogram</a:t>
            </a: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Thomas Graeser</a:t>
            </a:r>
          </a:p>
        </p:txBody>
      </p:sp>
      <p:sp>
        <p:nvSpPr>
          <p:cNvPr id="31" name="Rektangel 30">
            <a:extLst>
              <a:ext uri="{FF2B5EF4-FFF2-40B4-BE49-F238E27FC236}">
                <a16:creationId xmlns:a16="http://schemas.microsoft.com/office/drawing/2014/main" id="{B7477857-BE8A-D7D8-ABDA-84994EF2E246}"/>
              </a:ext>
            </a:extLst>
          </p:cNvPr>
          <p:cNvSpPr/>
          <p:nvPr/>
        </p:nvSpPr>
        <p:spPr bwMode="auto">
          <a:xfrm>
            <a:off x="281039" y="3980067"/>
            <a:ext cx="2050636" cy="541754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UNIIT</a:t>
            </a: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Tobias Buch </a:t>
            </a: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1BD57AA7-D2AE-641B-D60A-13AF4677A7DA}"/>
              </a:ext>
            </a:extLst>
          </p:cNvPr>
          <p:cNvSpPr/>
          <p:nvPr/>
        </p:nvSpPr>
        <p:spPr bwMode="auto">
          <a:xfrm>
            <a:off x="279676" y="3260670"/>
            <a:ext cx="2052000" cy="541754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lIns="90000" tIns="46800" rIns="90000" bIns="46800" anchor="ctr"/>
          <a:lstStyle/>
          <a:p>
            <a:pPr algn="ctr">
              <a:spcBef>
                <a:spcPts val="432"/>
              </a:spcBef>
            </a:pPr>
            <a:r>
              <a:rPr lang="da-DK" sz="1400">
                <a:solidFill>
                  <a:srgbClr val="FFFFFF"/>
                </a:solidFill>
                <a:latin typeface="Arial"/>
              </a:rPr>
              <a:t>Nyt SIS DTU</a:t>
            </a:r>
          </a:p>
          <a:p>
            <a:pPr algn="ctr">
              <a:spcBef>
                <a:spcPts val="432"/>
              </a:spcBef>
            </a:pPr>
            <a:r>
              <a:rPr lang="da-DK" sz="1200">
                <a:solidFill>
                  <a:srgbClr val="FFFFFF"/>
                </a:solidFill>
                <a:latin typeface="Arial"/>
              </a:rPr>
              <a:t>Nicolai Momberg</a:t>
            </a:r>
          </a:p>
        </p:txBody>
      </p:sp>
      <p:sp>
        <p:nvSpPr>
          <p:cNvPr id="21" name="Title 4">
            <a:extLst>
              <a:ext uri="{FF2B5EF4-FFF2-40B4-BE49-F238E27FC236}">
                <a16:creationId xmlns:a16="http://schemas.microsoft.com/office/drawing/2014/main" id="{B6356B51-67D4-BA2F-EF10-BFEB4C5A6C4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86968" y="278296"/>
            <a:ext cx="10264140" cy="805437"/>
          </a:xfrm>
        </p:spPr>
        <p:txBody>
          <a:bodyPr anchor="t"/>
          <a:lstStyle/>
          <a:p>
            <a:r>
              <a:rPr lang="da-DK"/>
              <a:t>Organisering af AIT og tilknyttede enheder</a:t>
            </a:r>
            <a:br>
              <a:rPr lang="da-DK"/>
            </a:br>
            <a:endParaRPr lang="da-DK"/>
          </a:p>
        </p:txBody>
      </p:sp>
      <p:cxnSp>
        <p:nvCxnSpPr>
          <p:cNvPr id="37" name="Forbindelse: vinklet 36">
            <a:extLst>
              <a:ext uri="{FF2B5EF4-FFF2-40B4-BE49-F238E27FC236}">
                <a16:creationId xmlns:a16="http://schemas.microsoft.com/office/drawing/2014/main" id="{C9E63564-EC52-B010-129F-EF8775A7D5F0}"/>
              </a:ext>
            </a:extLst>
          </p:cNvPr>
          <p:cNvCxnSpPr>
            <a:cxnSpLocks/>
            <a:stCxn id="3" idx="1"/>
            <a:endCxn id="31" idx="3"/>
          </p:cNvCxnSpPr>
          <p:nvPr/>
        </p:nvCxnSpPr>
        <p:spPr bwMode="auto">
          <a:xfrm rot="10800000" flipV="1">
            <a:off x="2331675" y="2324188"/>
            <a:ext cx="3603660" cy="1926755"/>
          </a:xfrm>
          <a:prstGeom prst="bentConnector3">
            <a:avLst>
              <a:gd name="adj1" fmla="val 72886"/>
            </a:avLst>
          </a:prstGeom>
          <a:solidFill>
            <a:schemeClr val="accent1"/>
          </a:solidFill>
          <a:ln w="2857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40" name="Forbindelse: vinklet 39">
            <a:extLst>
              <a:ext uri="{FF2B5EF4-FFF2-40B4-BE49-F238E27FC236}">
                <a16:creationId xmlns:a16="http://schemas.microsoft.com/office/drawing/2014/main" id="{3EE0288B-79A0-4611-6315-1508385E2D9B}"/>
              </a:ext>
            </a:extLst>
          </p:cNvPr>
          <p:cNvCxnSpPr>
            <a:cxnSpLocks/>
            <a:stCxn id="3" idx="1"/>
            <a:endCxn id="2" idx="3"/>
          </p:cNvCxnSpPr>
          <p:nvPr/>
        </p:nvCxnSpPr>
        <p:spPr bwMode="auto">
          <a:xfrm rot="10800000" flipV="1">
            <a:off x="2331677" y="2324189"/>
            <a:ext cx="3603659" cy="1207358"/>
          </a:xfrm>
          <a:prstGeom prst="bentConnector3">
            <a:avLst>
              <a:gd name="adj1" fmla="val 72904"/>
            </a:avLst>
          </a:prstGeom>
          <a:solidFill>
            <a:schemeClr val="accent1"/>
          </a:solidFill>
          <a:ln w="2857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47" name="Forbindelse: vinklet 46">
            <a:extLst>
              <a:ext uri="{FF2B5EF4-FFF2-40B4-BE49-F238E27FC236}">
                <a16:creationId xmlns:a16="http://schemas.microsoft.com/office/drawing/2014/main" id="{51CC6936-F205-F6CA-1BBB-BC1F0FC636E1}"/>
              </a:ext>
            </a:extLst>
          </p:cNvPr>
          <p:cNvCxnSpPr>
            <a:cxnSpLocks/>
            <a:stCxn id="3" idx="1"/>
            <a:endCxn id="19" idx="3"/>
          </p:cNvCxnSpPr>
          <p:nvPr/>
        </p:nvCxnSpPr>
        <p:spPr bwMode="auto">
          <a:xfrm rot="10800000">
            <a:off x="2332299" y="2091119"/>
            <a:ext cx="3603036" cy="233070"/>
          </a:xfrm>
          <a:prstGeom prst="bentConnector3">
            <a:avLst>
              <a:gd name="adj1" fmla="val 72900"/>
            </a:avLst>
          </a:prstGeom>
          <a:solidFill>
            <a:schemeClr val="accent1"/>
          </a:solidFill>
          <a:ln w="2857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50" name="Forbindelse: vinklet 49">
            <a:extLst>
              <a:ext uri="{FF2B5EF4-FFF2-40B4-BE49-F238E27FC236}">
                <a16:creationId xmlns:a16="http://schemas.microsoft.com/office/drawing/2014/main" id="{A103791A-6F1A-6CB9-A907-65B9C1ABFF93}"/>
              </a:ext>
            </a:extLst>
          </p:cNvPr>
          <p:cNvCxnSpPr>
            <a:cxnSpLocks/>
            <a:stCxn id="3" idx="1"/>
            <a:endCxn id="18" idx="3"/>
          </p:cNvCxnSpPr>
          <p:nvPr/>
        </p:nvCxnSpPr>
        <p:spPr bwMode="auto">
          <a:xfrm rot="10800000">
            <a:off x="2332299" y="1371177"/>
            <a:ext cx="3603036" cy="953012"/>
          </a:xfrm>
          <a:prstGeom prst="bentConnector3">
            <a:avLst>
              <a:gd name="adj1" fmla="val 72900"/>
            </a:avLst>
          </a:prstGeom>
          <a:solidFill>
            <a:schemeClr val="accent1"/>
          </a:solidFill>
          <a:ln w="2857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6" name="Forbindelse: vinklet 39">
            <a:extLst>
              <a:ext uri="{FF2B5EF4-FFF2-40B4-BE49-F238E27FC236}">
                <a16:creationId xmlns:a16="http://schemas.microsoft.com/office/drawing/2014/main" id="{70514F2C-BD2F-94B3-05C8-C08F491FF7F5}"/>
              </a:ext>
            </a:extLst>
          </p:cNvPr>
          <p:cNvCxnSpPr>
            <a:cxnSpLocks/>
            <a:stCxn id="3" idx="1"/>
            <a:endCxn id="20" idx="3"/>
          </p:cNvCxnSpPr>
          <p:nvPr/>
        </p:nvCxnSpPr>
        <p:spPr bwMode="auto">
          <a:xfrm rot="10800000" flipV="1">
            <a:off x="2331677" y="2324189"/>
            <a:ext cx="3603659" cy="487416"/>
          </a:xfrm>
          <a:prstGeom prst="bentConnector3">
            <a:avLst>
              <a:gd name="adj1" fmla="val 72902"/>
            </a:avLst>
          </a:prstGeom>
          <a:solidFill>
            <a:schemeClr val="accent1"/>
          </a:solidFill>
          <a:ln w="2857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14" name="Forbindelse: vinklet 13">
            <a:extLst>
              <a:ext uri="{FF2B5EF4-FFF2-40B4-BE49-F238E27FC236}">
                <a16:creationId xmlns:a16="http://schemas.microsoft.com/office/drawing/2014/main" id="{55558B94-BB02-C13C-8967-376188917DB0}"/>
              </a:ext>
            </a:extLst>
          </p:cNvPr>
          <p:cNvCxnSpPr>
            <a:cxnSpLocks/>
            <a:stCxn id="3" idx="2"/>
            <a:endCxn id="8" idx="0"/>
          </p:cNvCxnSpPr>
          <p:nvPr/>
        </p:nvCxnSpPr>
        <p:spPr bwMode="auto">
          <a:xfrm rot="5400000">
            <a:off x="6225211" y="4051232"/>
            <a:ext cx="2517462" cy="1"/>
          </a:xfrm>
          <a:prstGeom prst="bentConnector3">
            <a:avLst>
              <a:gd name="adj1" fmla="val 50000"/>
            </a:avLst>
          </a:prstGeom>
          <a:solidFill>
            <a:schemeClr val="accent1"/>
          </a:solidFill>
          <a:ln w="2857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27" name="Forbindelse: vinklet 26">
            <a:extLst>
              <a:ext uri="{FF2B5EF4-FFF2-40B4-BE49-F238E27FC236}">
                <a16:creationId xmlns:a16="http://schemas.microsoft.com/office/drawing/2014/main" id="{395388A9-43D6-7191-DA85-22F1AE793AB9}"/>
              </a:ext>
            </a:extLst>
          </p:cNvPr>
          <p:cNvCxnSpPr>
            <a:cxnSpLocks/>
            <a:stCxn id="3" idx="2"/>
            <a:endCxn id="10" idx="0"/>
          </p:cNvCxnSpPr>
          <p:nvPr/>
        </p:nvCxnSpPr>
        <p:spPr bwMode="auto">
          <a:xfrm rot="16200000" flipH="1">
            <a:off x="7598576" y="2677867"/>
            <a:ext cx="2517462" cy="2746730"/>
          </a:xfrm>
          <a:prstGeom prst="bentConnector3">
            <a:avLst>
              <a:gd name="adj1" fmla="val 74344"/>
            </a:avLst>
          </a:prstGeom>
          <a:solidFill>
            <a:schemeClr val="accent1"/>
          </a:solidFill>
          <a:ln w="2857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</p:spTree>
    <p:extLst>
      <p:ext uri="{BB962C8B-B14F-4D97-AF65-F5344CB8AC3E}">
        <p14:creationId xmlns:p14="http://schemas.microsoft.com/office/powerpoint/2010/main" val="62820686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FEC8AE"/>
        </a:solidFill>
        <a:ln>
          <a:noFill/>
        </a:ln>
      </a:spPr>
      <a:bodyPr spcFirstLastPara="1" wrap="square" lIns="121884" tIns="121884" rIns="121884" bIns="121884" anchor="ctr" anchorCtr="0">
        <a:noAutofit/>
      </a:bodyPr>
      <a:lstStyle>
        <a:defPPr algn="l">
          <a:spcBef>
            <a:spcPts val="0"/>
          </a:spcBef>
          <a:spcAft>
            <a:spcPts val="0"/>
          </a:spcAft>
          <a:defRPr sz="2133" dirty="0">
            <a:latin typeface="Arial" panose="020B0604020202020204" pitchFamily="34" charset="0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ED13AD9EB74B24386A2A9B9ABD2739D" ma:contentTypeVersion="17" ma:contentTypeDescription="Opret et nyt dokument." ma:contentTypeScope="" ma:versionID="e8a280b79ba2f1ad0dd0cd81bd5535be">
  <xsd:schema xmlns:xsd="http://www.w3.org/2001/XMLSchema" xmlns:xs="http://www.w3.org/2001/XMLSchema" xmlns:p="http://schemas.microsoft.com/office/2006/metadata/properties" xmlns:ns2="872bc44b-9d95-4fde-866e-0b5fa7b7fc4b" xmlns:ns3="b95ff747-f834-4c4b-8afc-4839347bdb60" targetNamespace="http://schemas.microsoft.com/office/2006/metadata/properties" ma:root="true" ma:fieldsID="30ff45b2cb4f1de45dd346849974380b" ns2:_="" ns3:_="">
    <xsd:import namespace="872bc44b-9d95-4fde-866e-0b5fa7b7fc4b"/>
    <xsd:import namespace="b95ff747-f834-4c4b-8afc-4839347bdb6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Noter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72bc44b-9d95-4fde-866e-0b5fa7b7fc4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5" nillable="true" ma:taxonomy="true" ma:internalName="lcf76f155ced4ddcb4097134ff3c332f" ma:taxonomyFieldName="MediaServiceImageTags" ma:displayName="Billedmærker" ma:readOnly="false" ma:fieldId="{5cf76f15-5ced-4ddc-b409-7134ff3c332f}" ma:taxonomyMulti="true" ma:sspId="b2102423-6c9a-45d0-aa71-0069027da28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Noter" ma:index="23" nillable="true" ma:displayName="Noter" ma:description="Anbefalinger til dokumentet / mappen" ma:format="Dropdown" ma:internalName="Noter">
      <xsd:simpleType>
        <xsd:restriction base="dms:Note">
          <xsd:maxLength value="255"/>
        </xsd:restriction>
      </xsd:simpleType>
    </xsd:element>
    <xsd:element name="MediaServiceBillingMetadata" ma:index="24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95ff747-f834-4c4b-8afc-4839347bdb60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304040da-b05c-4aab-ae01-7a38575ef64e}" ma:internalName="TaxCatchAll" ma:showField="CatchAllData" ma:web="b95ff747-f834-4c4b-8afc-4839347bdb6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72bc44b-9d95-4fde-866e-0b5fa7b7fc4b">
      <Terms xmlns="http://schemas.microsoft.com/office/infopath/2007/PartnerControls"/>
    </lcf76f155ced4ddcb4097134ff3c332f>
    <TaxCatchAll xmlns="b95ff747-f834-4c4b-8afc-4839347bdb60" xsi:nil="true"/>
    <Noter xmlns="872bc44b-9d95-4fde-866e-0b5fa7b7fc4b" xsi:nil="true"/>
  </documentManagement>
</p:properti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1AE92B58-8DE5-4BB5-A01F-33C06E4FB72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72bc44b-9d95-4fde-866e-0b5fa7b7fc4b"/>
    <ds:schemaRef ds:uri="b95ff747-f834-4c4b-8afc-4839347bdb6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939A7E9E-640D-409E-A57C-BDD9ABE78643}">
  <ds:schemaRefs>
    <ds:schemaRef ds:uri="872bc44b-9d95-4fde-866e-0b5fa7b7fc4b"/>
    <ds:schemaRef ds:uri="b95ff747-f834-4c4b-8afc-4839347bdb60"/>
    <ds:schemaRef ds:uri="http://purl.org/dc/dcmitype/"/>
    <ds:schemaRef ds:uri="http://schemas.microsoft.com/office/2006/documentManagement/types"/>
    <ds:schemaRef ds:uri="http://purl.org/dc/elements/1.1/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http://schemas.microsoft.com/office/2006/metadata/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683FAD50-2B04-41F8-BC28-DEF64FA176C5}">
  <ds:schemaRefs/>
</ds:datastoreItem>
</file>

<file path=customXml/itemProps5.xml><?xml version="1.0" encoding="utf-8"?>
<ds:datastoreItem xmlns:ds="http://schemas.openxmlformats.org/officeDocument/2006/customXml" ds:itemID="{CEB64938-6AF3-43F0-B70F-36E1FCA71BED}">
  <ds:schemaRefs/>
</ds:datastoreItem>
</file>

<file path=customXml/itemProps6.xml><?xml version="1.0" encoding="utf-8"?>
<ds:datastoreItem xmlns:ds="http://schemas.openxmlformats.org/officeDocument/2006/customXml" ds:itemID="{11771098-807A-43D2-881C-70B199D5C0DE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05DC2B94-7C1B-4C14-83B0-9CD2A82C27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836</TotalTime>
  <Words>52</Words>
  <Application>Microsoft Office PowerPoint</Application>
  <PresentationFormat>Brugerdefineret</PresentationFormat>
  <Paragraphs>25</Paragraphs>
  <Slides>1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4" baseType="lpstr">
      <vt:lpstr>Arial</vt:lpstr>
      <vt:lpstr>Verdana</vt:lpstr>
      <vt:lpstr>Blank</vt:lpstr>
      <vt:lpstr>Organisering af AIT og tilknyttede enheder 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Mette Nylander</dc:creator>
  <cp:lastModifiedBy>Kathrine G. Starris</cp:lastModifiedBy>
  <cp:revision>3</cp:revision>
  <cp:lastPrinted>2025-11-18T11:05:01Z</cp:lastPrinted>
  <dcterms:created xsi:type="dcterms:W3CDTF">2023-12-12T09:47:07Z</dcterms:created>
  <dcterms:modified xsi:type="dcterms:W3CDTF">2026-01-27T08:06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ED13AD9EB74B24386A2A9B9ABD2739D</vt:lpwstr>
  </property>
  <property fmtid="{D5CDD505-2E9C-101B-9397-08002B2CF9AE}" pid="8" name="MediaServiceImageTags">
    <vt:lpwstr/>
  </property>
  <property fmtid="{D5CDD505-2E9C-101B-9397-08002B2CF9AE}" pid="9" name="Order">
    <vt:r8>400</vt:r8>
  </property>
  <property fmtid="{D5CDD505-2E9C-101B-9397-08002B2CF9AE}" pid="10" name="xd_Signature">
    <vt:bool>false</vt:bool>
  </property>
  <property fmtid="{D5CDD505-2E9C-101B-9397-08002B2CF9AE}" pid="11" name="xd_ProgID">
    <vt:lpwstr/>
  </property>
  <property fmtid="{D5CDD505-2E9C-101B-9397-08002B2CF9AE}" pid="12" name="TriggerFlowInfo">
    <vt:lpwstr/>
  </property>
  <property fmtid="{D5CDD505-2E9C-101B-9397-08002B2CF9AE}" pid="13" name="ComplianceAssetId">
    <vt:lpwstr/>
  </property>
  <property fmtid="{D5CDD505-2E9C-101B-9397-08002B2CF9AE}" pid="14" name="TemplateUrl">
    <vt:lpwstr/>
  </property>
  <property fmtid="{D5CDD505-2E9C-101B-9397-08002B2CF9AE}" pid="15" name="_ExtendedDescription">
    <vt:lpwstr/>
  </property>
</Properties>
</file>